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628"/>
  <workbookPr/>
  <mc:AlternateContent xmlns:mc="http://schemas.openxmlformats.org/markup-compatibility/2006">
    <mc:Choice Requires="x15">
      <x15ac:absPath xmlns:x15ac="http://schemas.microsoft.com/office/spreadsheetml/2010/11/ac" url="https://stdennispc.sharepoint.com/sites/officegroup/Shared Documents/Annual audit/23-24/Completed Paperwork/Submitted Documents/"/>
    </mc:Choice>
  </mc:AlternateContent>
  <xr:revisionPtr revIDLastSave="10" documentId="8_{1E921D0C-41CD-420B-BE1F-DF9BF452245F}" xr6:coauthVersionLast="47" xr6:coauthVersionMax="47" xr10:uidLastSave="{7905D29C-AD07-41D6-91AE-D492E514C875}"/>
  <bookViews>
    <workbookView xWindow="19080" yWindow="-120" windowWidth="29040" windowHeight="15840" tabRatio="874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8" i="10" l="1"/>
  <c r="D14" i="10"/>
  <c r="E34" i="11"/>
  <c r="C34" i="11"/>
  <c r="C40" i="11"/>
  <c r="B40" i="11"/>
  <c r="D39" i="11"/>
  <c r="D38" i="11"/>
  <c r="D37" i="11"/>
  <c r="C13" i="13"/>
  <c r="D13" i="13"/>
  <c r="D40" i="11" l="1"/>
  <c r="F27" i="14"/>
  <c r="F24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8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7" i="10"/>
  <c r="D16" i="10"/>
  <c r="D15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73" uniqueCount="90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Skate Park Surface repairs undertaken in 2023-24</t>
  </si>
  <si>
    <t>yes</t>
  </si>
  <si>
    <t>no</t>
  </si>
  <si>
    <t xml:space="preserve">£23813 Cemetery boundary wall repairs undertaken in 2023-24 </t>
  </si>
  <si>
    <t>Footpath improvement works in the Cemetery undertaken in 2023-24</t>
  </si>
  <si>
    <t>one off event for the Kings Coronation held by the PC for residents in 23-24</t>
  </si>
  <si>
    <t>New bench and cement base installation in 2023-24</t>
  </si>
  <si>
    <t>Increase in telephone costs to change to digital telephone system within the office, up front one off for line rental costs</t>
  </si>
  <si>
    <t>Increase in office from 1st April 2023</t>
  </si>
  <si>
    <t>Play Equipment &amp; Fencing</t>
  </si>
  <si>
    <t>Headstone Inspection &amp; Repair</t>
  </si>
  <si>
    <t>Cemetery Enahncement</t>
  </si>
  <si>
    <t>St Dennis Toilets refurb</t>
  </si>
  <si>
    <t>Neighbourhood Plan</t>
  </si>
  <si>
    <t>Community Bennift Fund</t>
  </si>
  <si>
    <t>Village enhancements</t>
  </si>
  <si>
    <t>Election Expenses</t>
  </si>
  <si>
    <t>Tree work</t>
  </si>
  <si>
    <t>Cemetery Extension</t>
  </si>
  <si>
    <t>Education Bursary Fund</t>
  </si>
  <si>
    <t>Dunstan Close Land</t>
  </si>
  <si>
    <t>CIL Funding</t>
  </si>
  <si>
    <t>various small reserves</t>
  </si>
  <si>
    <t>Increase in grant payments for the running of the Playing Field Trust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7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7" workbookViewId="0">
      <selection activeCell="D17" sqref="D17"/>
    </sheetView>
  </sheetViews>
  <sheetFormatPr defaultRowHeight="15" x14ac:dyDescent="0.25"/>
  <cols>
    <col min="1" max="1" width="4.140625" customWidth="1"/>
    <col min="2" max="2" width="28.7109375" style="22" customWidth="1"/>
    <col min="3" max="6" width="16.5703125" customWidth="1"/>
    <col min="7" max="8" width="16.5703125" hidden="1" customWidth="1"/>
    <col min="9" max="9" width="77.140625" style="24" customWidth="1"/>
    <col min="10" max="10" width="23.140625" bestFit="1" customWidth="1"/>
  </cols>
  <sheetData>
    <row r="1" spans="2:10" ht="17.25" customHeight="1" x14ac:dyDescent="0.25">
      <c r="B1" s="26" t="s">
        <v>53</v>
      </c>
    </row>
    <row r="3" spans="2:10" ht="15" customHeight="1" x14ac:dyDescent="0.25">
      <c r="B3" s="78" t="s">
        <v>38</v>
      </c>
      <c r="C3" s="79"/>
      <c r="D3" s="79"/>
      <c r="E3" s="79"/>
      <c r="F3" s="79"/>
      <c r="G3" s="79"/>
      <c r="H3" s="79"/>
      <c r="I3" s="79"/>
    </row>
    <row r="4" spans="2:10" ht="15" customHeight="1" thickBot="1" x14ac:dyDescent="0.3"/>
    <row r="5" spans="2:10" ht="15" customHeight="1" x14ac:dyDescent="0.25">
      <c r="B5" s="27"/>
      <c r="C5" s="77" t="s">
        <v>15</v>
      </c>
      <c r="D5" s="77"/>
      <c r="E5" s="47"/>
      <c r="F5" s="47"/>
      <c r="G5" s="47"/>
      <c r="H5" s="47"/>
      <c r="I5" s="37" t="s">
        <v>16</v>
      </c>
      <c r="J5" s="42" t="s">
        <v>42</v>
      </c>
    </row>
    <row r="6" spans="2:10" ht="30" x14ac:dyDescent="0.25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30" x14ac:dyDescent="0.25">
      <c r="B7" s="30" t="s">
        <v>17</v>
      </c>
      <c r="C7" s="68">
        <v>369652.16</v>
      </c>
      <c r="D7" s="68">
        <v>416531.89</v>
      </c>
      <c r="E7" s="55"/>
      <c r="F7" s="55"/>
      <c r="G7" s="50"/>
      <c r="H7" s="50"/>
      <c r="I7" s="39" t="s">
        <v>36</v>
      </c>
      <c r="J7" s="44"/>
    </row>
    <row r="8" spans="2:10" s="21" customFormat="1" ht="30" x14ac:dyDescent="0.25">
      <c r="B8" s="30" t="s">
        <v>18</v>
      </c>
      <c r="C8" s="68">
        <v>125584</v>
      </c>
      <c r="D8" s="68">
        <v>140026</v>
      </c>
      <c r="E8" s="50">
        <f>D8-C8</f>
        <v>14442</v>
      </c>
      <c r="F8" s="49">
        <f>IF(AND(C8=0,D8=0),0,IF(C8=0,1,IF(D8=0,-1,(D8-C8)/C8)))</f>
        <v>0.11499872595235061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25">
      <c r="B9" s="30" t="s">
        <v>20</v>
      </c>
      <c r="C9" s="68">
        <v>59869.49</v>
      </c>
      <c r="D9" s="68">
        <v>59155.82</v>
      </c>
      <c r="E9" s="50">
        <f t="shared" ref="E9:E12" si="0">D9-C9</f>
        <v>-713.66999999999825</v>
      </c>
      <c r="F9" s="49">
        <f t="shared" ref="F9:F12" si="1">IF(AND(C9=0,D9=0),0,IF(C9=0,1,IF(D9=0,-1,(D9-C9)/C9)))</f>
        <v>-1.1920428919638338E-2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No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No explanation required</v>
      </c>
    </row>
    <row r="10" spans="2:10" ht="45" x14ac:dyDescent="0.25">
      <c r="B10" s="31" t="s">
        <v>22</v>
      </c>
      <c r="C10" s="68">
        <v>61048.74</v>
      </c>
      <c r="D10" s="68">
        <v>67661.72</v>
      </c>
      <c r="E10" s="50">
        <f t="shared" si="0"/>
        <v>6612.9800000000032</v>
      </c>
      <c r="F10" s="49">
        <f t="shared" si="1"/>
        <v>0.10832295637878854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30" x14ac:dyDescent="0.25">
      <c r="B12" s="31" t="s">
        <v>26</v>
      </c>
      <c r="C12" s="68">
        <v>77525.02</v>
      </c>
      <c r="D12" s="68">
        <v>111266.27</v>
      </c>
      <c r="E12" s="50">
        <f t="shared" si="0"/>
        <v>33741.25</v>
      </c>
      <c r="F12" s="49">
        <f t="shared" si="1"/>
        <v>0.43523045850230024</v>
      </c>
      <c r="G12" s="34" t="str">
        <f t="shared" si="2"/>
        <v>No</v>
      </c>
      <c r="H12" s="34" t="str">
        <f t="shared" si="3"/>
        <v>Yes</v>
      </c>
      <c r="I12" s="39" t="s">
        <v>27</v>
      </c>
      <c r="J12" s="46" t="str">
        <f t="shared" si="4"/>
        <v>Please explain within the relevant tab</v>
      </c>
    </row>
    <row r="13" spans="2:10" ht="38.25" customHeight="1" thickBot="1" x14ac:dyDescent="0.3">
      <c r="B13" s="32" t="s">
        <v>28</v>
      </c>
      <c r="C13" s="69">
        <f>C7+C8+C9-C10-C11-C12</f>
        <v>416531.89</v>
      </c>
      <c r="D13" s="69">
        <f>D7+D8+D9-D10-D11-D12</f>
        <v>436785.72</v>
      </c>
      <c r="E13" s="56"/>
      <c r="F13" s="56"/>
      <c r="G13" s="51"/>
      <c r="H13" s="51"/>
      <c r="I13" s="40" t="s">
        <v>29</v>
      </c>
      <c r="J13" s="46" t="s">
        <v>61</v>
      </c>
    </row>
    <row r="14" spans="2:10" ht="15.75" thickBot="1" x14ac:dyDescent="0.3">
      <c r="B14" s="23"/>
      <c r="C14" s="52" t="s">
        <v>52</v>
      </c>
      <c r="D14" s="52" t="s">
        <v>52</v>
      </c>
      <c r="E14" s="52"/>
      <c r="F14" s="52"/>
      <c r="G14" s="52"/>
      <c r="H14" s="52"/>
      <c r="I14" s="25"/>
      <c r="J14" s="46"/>
    </row>
    <row r="15" spans="2:10" ht="30" x14ac:dyDescent="0.25">
      <c r="B15" s="33" t="s">
        <v>30</v>
      </c>
      <c r="C15" s="70">
        <v>416531.89</v>
      </c>
      <c r="D15" s="70">
        <v>436785.72</v>
      </c>
      <c r="E15" s="54"/>
      <c r="F15" s="57"/>
      <c r="G15" s="53"/>
      <c r="H15" s="53"/>
      <c r="I15" s="41" t="s">
        <v>31</v>
      </c>
      <c r="J15" s="45"/>
    </row>
    <row r="16" spans="2:10" ht="30" x14ac:dyDescent="0.25">
      <c r="B16" s="31" t="s">
        <v>32</v>
      </c>
      <c r="C16" s="68">
        <v>336218</v>
      </c>
      <c r="D16" s="68">
        <v>370336</v>
      </c>
      <c r="E16" s="50">
        <f>D16-C16</f>
        <v>34118</v>
      </c>
      <c r="F16" s="49">
        <f t="shared" ref="F16:F17" si="5">IF(AND(C16=0,D16=0),0,IF(C16=0,1,IF(D16=0,-1,(D16-C16)/C16)))</f>
        <v>0.10147582818290514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2" t="s">
        <v>34</v>
      </c>
      <c r="C17" s="71"/>
      <c r="D17" s="71"/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Enter figures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</v>
      </c>
    </row>
    <row r="3" spans="2:6" x14ac:dyDescent="0.25">
      <c r="B3" s="8"/>
    </row>
    <row r="4" spans="2:6" x14ac:dyDescent="0.25">
      <c r="B4" t="s">
        <v>2</v>
      </c>
      <c r="C4" s="36">
        <f>'Accounting Statement'!C8</f>
        <v>125584</v>
      </c>
      <c r="D4" t="s">
        <v>54</v>
      </c>
      <c r="E4" s="36">
        <f>'Accounting Statement'!D8</f>
        <v>140026</v>
      </c>
    </row>
    <row r="6" spans="2:6" x14ac:dyDescent="0.25">
      <c r="D6" t="s">
        <v>5</v>
      </c>
      <c r="E6" s="1">
        <f>E4-C4</f>
        <v>14442</v>
      </c>
    </row>
    <row r="7" spans="2:6" x14ac:dyDescent="0.25">
      <c r="D7" t="s">
        <v>39</v>
      </c>
      <c r="E7" s="6">
        <f>IF(AND(C4=0,E4=0),0,IF(C4=0,1,IF(E4=0,-1,(E4-C4)/C4)))</f>
        <v>0.11499872595235061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7</v>
      </c>
    </row>
    <row r="10" spans="2:6" x14ac:dyDescent="0.25">
      <c r="B10" s="8"/>
    </row>
    <row r="11" spans="2:6" s="3" customFormat="1" ht="26.25" x14ac:dyDescent="0.2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2:6" s="11" customFormat="1" x14ac:dyDescent="0.25">
      <c r="B12" s="12"/>
      <c r="C12" s="12"/>
      <c r="D12" s="13">
        <f t="shared" ref="D12:D25" si="0">C12-B12</f>
        <v>0</v>
      </c>
      <c r="E12" s="80"/>
      <c r="F12" s="81"/>
    </row>
    <row r="13" spans="2:6" s="11" customFormat="1" x14ac:dyDescent="0.25">
      <c r="B13" s="12"/>
      <c r="C13" s="12"/>
      <c r="D13" s="13">
        <f t="shared" si="0"/>
        <v>0</v>
      </c>
      <c r="E13" s="80"/>
      <c r="F13" s="81"/>
    </row>
    <row r="14" spans="2:6" s="11" customFormat="1" x14ac:dyDescent="0.25">
      <c r="B14" s="12"/>
      <c r="C14" s="12"/>
      <c r="D14" s="13">
        <f t="shared" si="0"/>
        <v>0</v>
      </c>
      <c r="E14" s="80"/>
      <c r="F14" s="81"/>
    </row>
    <row r="15" spans="2:6" s="11" customFormat="1" x14ac:dyDescent="0.25">
      <c r="B15" s="12"/>
      <c r="C15" s="12"/>
      <c r="D15" s="13">
        <f t="shared" si="0"/>
        <v>0</v>
      </c>
      <c r="E15" s="80"/>
      <c r="F15" s="81"/>
    </row>
    <row r="16" spans="2:6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x14ac:dyDescent="0.25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4"/>
      <c r="F26" s="81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B12" sqref="B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2</v>
      </c>
      <c r="C4" s="36">
        <f>'Accounting Statement'!C9</f>
        <v>59869.49</v>
      </c>
      <c r="D4" t="s">
        <v>54</v>
      </c>
      <c r="E4" s="36">
        <f>'Accounting Statement'!D9</f>
        <v>59155.82</v>
      </c>
    </row>
    <row r="6" spans="1:7" x14ac:dyDescent="0.25">
      <c r="D6" t="s">
        <v>5</v>
      </c>
      <c r="E6" s="1">
        <f>E4-C4</f>
        <v>-713.66999999999825</v>
      </c>
    </row>
    <row r="7" spans="1:7" x14ac:dyDescent="0.25">
      <c r="D7" t="s">
        <v>39</v>
      </c>
      <c r="E7" s="6">
        <f>IF(AND(C4=0,E4=0),0,IF(C4=0,1,IF(E4=0,-1,(E4-C4)/C4)))</f>
        <v>-1.1920428919638338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76" t="s">
        <v>40</v>
      </c>
    </row>
    <row r="11" spans="1:7" x14ac:dyDescent="0.25">
      <c r="B11" s="76" t="s">
        <v>56</v>
      </c>
    </row>
    <row r="12" spans="1:7" x14ac:dyDescent="0.25">
      <c r="B12" s="76"/>
    </row>
    <row r="13" spans="1:7" x14ac:dyDescent="0.25">
      <c r="B13" s="8"/>
    </row>
    <row r="14" spans="1:7" s="3" customFormat="1" ht="26.25" x14ac:dyDescent="0.25">
      <c r="B14" s="4" t="s">
        <v>4</v>
      </c>
      <c r="C14" s="4" t="s">
        <v>55</v>
      </c>
      <c r="D14" s="5" t="s">
        <v>5</v>
      </c>
      <c r="E14" s="82" t="s">
        <v>1</v>
      </c>
      <c r="F14" s="83"/>
    </row>
    <row r="15" spans="1:7" s="17" customFormat="1" x14ac:dyDescent="0.25">
      <c r="A15" s="16"/>
      <c r="B15" s="13"/>
      <c r="C15" s="13"/>
      <c r="D15" s="74">
        <f>C15-B15</f>
        <v>0</v>
      </c>
      <c r="E15" s="85"/>
      <c r="F15" s="86"/>
      <c r="G15" s="16"/>
    </row>
    <row r="16" spans="1:7" s="11" customFormat="1" x14ac:dyDescent="0.25">
      <c r="B16" s="12"/>
      <c r="C16" s="12"/>
      <c r="D16" s="74">
        <f t="shared" ref="D16:D29" si="0">C16-B16</f>
        <v>0</v>
      </c>
      <c r="E16" s="80"/>
      <c r="F16" s="81"/>
    </row>
    <row r="17" spans="1:8" s="11" customFormat="1" x14ac:dyDescent="0.25">
      <c r="B17" s="12"/>
      <c r="C17" s="12"/>
      <c r="D17" s="74">
        <f t="shared" si="0"/>
        <v>0</v>
      </c>
      <c r="E17" s="80"/>
      <c r="F17" s="81"/>
    </row>
    <row r="18" spans="1:8" s="11" customFormat="1" x14ac:dyDescent="0.25">
      <c r="B18" s="12"/>
      <c r="C18" s="12"/>
      <c r="D18" s="74">
        <f t="shared" si="0"/>
        <v>0</v>
      </c>
      <c r="E18" s="80"/>
      <c r="F18" s="81"/>
    </row>
    <row r="19" spans="1:8" s="11" customFormat="1" x14ac:dyDescent="0.25">
      <c r="B19" s="12"/>
      <c r="C19" s="12"/>
      <c r="D19" s="74">
        <f t="shared" si="0"/>
        <v>0</v>
      </c>
      <c r="E19" s="80"/>
      <c r="F19" s="81"/>
    </row>
    <row r="20" spans="1:8" s="11" customFormat="1" x14ac:dyDescent="0.25">
      <c r="B20" s="12"/>
      <c r="C20" s="12"/>
      <c r="D20" s="74">
        <f t="shared" si="0"/>
        <v>0</v>
      </c>
      <c r="E20" s="80"/>
      <c r="F20" s="81"/>
    </row>
    <row r="21" spans="1:8" s="11" customFormat="1" x14ac:dyDescent="0.25">
      <c r="B21" s="12"/>
      <c r="C21" s="12"/>
      <c r="D21" s="74">
        <f t="shared" si="0"/>
        <v>0</v>
      </c>
      <c r="E21" s="80"/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s="11" customFormat="1" x14ac:dyDescent="0.25">
      <c r="B29" s="12"/>
      <c r="C29" s="12"/>
      <c r="D29" s="74">
        <f t="shared" si="0"/>
        <v>0</v>
      </c>
      <c r="E29" s="80"/>
      <c r="F29" s="81"/>
    </row>
    <row r="30" spans="1:8" x14ac:dyDescent="0.25">
      <c r="A30" s="9" t="s">
        <v>0</v>
      </c>
      <c r="B30" s="10">
        <f>SUM(B15:B29)</f>
        <v>0</v>
      </c>
      <c r="C30" s="10">
        <f>SUM(C15:C29)</f>
        <v>0</v>
      </c>
      <c r="D30" s="75">
        <f>SUM(D15:D29)</f>
        <v>0</v>
      </c>
      <c r="E30" s="84"/>
      <c r="F30" s="81"/>
      <c r="G30" s="7"/>
    </row>
    <row r="31" spans="1:8" x14ac:dyDescent="0.25">
      <c r="H31" s="2"/>
    </row>
    <row r="32" spans="1:8" x14ac:dyDescent="0.25">
      <c r="F32" s="7"/>
    </row>
    <row r="33" spans="1:1" x14ac:dyDescent="0.25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9</v>
      </c>
    </row>
    <row r="3" spans="1:7" x14ac:dyDescent="0.25">
      <c r="B3" s="8"/>
    </row>
    <row r="4" spans="1:7" x14ac:dyDescent="0.25">
      <c r="B4" t="s">
        <v>2</v>
      </c>
      <c r="C4" s="36">
        <f>'Accounting Statement'!C10</f>
        <v>61048.74</v>
      </c>
      <c r="D4" t="s">
        <v>54</v>
      </c>
      <c r="E4" s="36">
        <f>'Accounting Statement'!D10</f>
        <v>67661.72</v>
      </c>
    </row>
    <row r="6" spans="1:7" x14ac:dyDescent="0.25">
      <c r="D6" t="s">
        <v>5</v>
      </c>
      <c r="E6" s="1">
        <f>E4-C4</f>
        <v>6612.9800000000032</v>
      </c>
    </row>
    <row r="7" spans="1:7" x14ac:dyDescent="0.25">
      <c r="D7" t="s">
        <v>39</v>
      </c>
      <c r="E7" s="6">
        <f>IF(AND(C4=0,E4=0),0,IF(C4=0,1,IF(E4=0,-1,(E4-C4)/C4)))</f>
        <v>0.10832295637878854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76" t="s">
        <v>65</v>
      </c>
    </row>
    <row r="11" spans="1:7" x14ac:dyDescent="0.25">
      <c r="B11" s="8"/>
    </row>
    <row r="12" spans="1:7" s="3" customFormat="1" ht="26.25" x14ac:dyDescent="0.25">
      <c r="B12" s="4" t="s">
        <v>4</v>
      </c>
      <c r="C12" s="4" t="s">
        <v>55</v>
      </c>
      <c r="D12" s="5" t="s">
        <v>5</v>
      </c>
      <c r="E12" s="82" t="s">
        <v>1</v>
      </c>
      <c r="F12" s="83"/>
    </row>
    <row r="13" spans="1:7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s="11" customFormat="1" x14ac:dyDescent="0.25">
      <c r="B27" s="12"/>
      <c r="C27" s="12"/>
      <c r="D27" s="13">
        <f t="shared" si="0"/>
        <v>0</v>
      </c>
      <c r="E27" s="80"/>
      <c r="F27" s="81"/>
    </row>
    <row r="28" spans="1:8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2</v>
      </c>
      <c r="C4" s="36">
        <f>'Accounting Statement'!C11</f>
        <v>0</v>
      </c>
      <c r="D4" t="s">
        <v>54</v>
      </c>
      <c r="E4" s="36">
        <f>'Accounting Statement'!D11</f>
        <v>0</v>
      </c>
    </row>
    <row r="6" spans="1:7" x14ac:dyDescent="0.25">
      <c r="D6" t="s">
        <v>5</v>
      </c>
      <c r="E6" s="1">
        <f>E4-C4</f>
        <v>0</v>
      </c>
    </row>
    <row r="7" spans="1:7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8"/>
    </row>
    <row r="11" spans="1:7" s="3" customFormat="1" ht="26.25" x14ac:dyDescent="0.2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s="11" customFormat="1" x14ac:dyDescent="0.25">
      <c r="B19" s="12"/>
      <c r="C19" s="12"/>
      <c r="D19" s="13">
        <f t="shared" si="0"/>
        <v>0</v>
      </c>
      <c r="E19" s="80"/>
      <c r="F19" s="81"/>
    </row>
    <row r="20" spans="1:8" s="11" customFormat="1" x14ac:dyDescent="0.25">
      <c r="B20" s="12"/>
      <c r="C20" s="12"/>
      <c r="D20" s="13">
        <f t="shared" si="0"/>
        <v>0</v>
      </c>
      <c r="E20" s="80"/>
      <c r="F20" s="81"/>
    </row>
    <row r="21" spans="1:8" s="11" customFormat="1" x14ac:dyDescent="0.25">
      <c r="B21" s="12"/>
      <c r="C21" s="12"/>
      <c r="D21" s="13">
        <f t="shared" si="0"/>
        <v>0</v>
      </c>
      <c r="E21" s="80"/>
      <c r="F21" s="81"/>
    </row>
    <row r="22" spans="1:8" s="11" customFormat="1" x14ac:dyDescent="0.25">
      <c r="B22" s="12"/>
      <c r="C22" s="12"/>
      <c r="D22" s="13">
        <f t="shared" si="0"/>
        <v>0</v>
      </c>
      <c r="E22" s="80"/>
      <c r="F22" s="81"/>
    </row>
    <row r="23" spans="1:8" s="11" customFormat="1" x14ac:dyDescent="0.25">
      <c r="B23" s="12"/>
      <c r="C23" s="12"/>
      <c r="D23" s="13">
        <f t="shared" si="0"/>
        <v>0</v>
      </c>
      <c r="E23" s="80"/>
      <c r="F23" s="81"/>
    </row>
    <row r="24" spans="1:8" s="11" customFormat="1" x14ac:dyDescent="0.25">
      <c r="B24" s="12"/>
      <c r="C24" s="12"/>
      <c r="D24" s="13">
        <f t="shared" si="0"/>
        <v>0</v>
      </c>
      <c r="E24" s="80"/>
      <c r="F24" s="81"/>
    </row>
    <row r="25" spans="1:8" s="11" customFormat="1" x14ac:dyDescent="0.25">
      <c r="B25" s="12"/>
      <c r="C25" s="12"/>
      <c r="D25" s="13">
        <f t="shared" si="0"/>
        <v>0</v>
      </c>
      <c r="E25" s="80"/>
      <c r="F25" s="81"/>
    </row>
    <row r="26" spans="1:8" s="11" customFormat="1" x14ac:dyDescent="0.25">
      <c r="B26" s="12"/>
      <c r="C26" s="12"/>
      <c r="D26" s="13">
        <f t="shared" si="0"/>
        <v>0</v>
      </c>
      <c r="E26" s="80"/>
      <c r="F26" s="81"/>
    </row>
    <row r="27" spans="1:8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4"/>
      <c r="F27" s="81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opLeftCell="A12" workbookViewId="0">
      <selection activeCell="E23" sqref="E23:F2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11</v>
      </c>
    </row>
    <row r="3" spans="1:8" x14ac:dyDescent="0.25">
      <c r="B3" s="8"/>
    </row>
    <row r="4" spans="1:8" x14ac:dyDescent="0.25">
      <c r="B4" t="s">
        <v>2</v>
      </c>
      <c r="C4" s="36">
        <f>'Accounting Statement'!C12</f>
        <v>77525.02</v>
      </c>
      <c r="D4" t="s">
        <v>54</v>
      </c>
      <c r="E4" s="36">
        <f>'Accounting Statement'!D12</f>
        <v>111266.27</v>
      </c>
    </row>
    <row r="6" spans="1:8" x14ac:dyDescent="0.25">
      <c r="D6" t="s">
        <v>5</v>
      </c>
      <c r="E6" s="1">
        <f>E4-C4</f>
        <v>33741.25</v>
      </c>
    </row>
    <row r="7" spans="1:8" x14ac:dyDescent="0.25">
      <c r="D7" t="s">
        <v>39</v>
      </c>
      <c r="E7" s="6">
        <f>IF(AND(C4=0,E4=0),0,IF(C4=0,1,IF(E4=0,-1,(E4-C4)/C4)))</f>
        <v>0.43523045850230024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7</v>
      </c>
    </row>
    <row r="10" spans="1:8" ht="15.75" x14ac:dyDescent="0.3">
      <c r="B10" s="18" t="s">
        <v>41</v>
      </c>
    </row>
    <row r="11" spans="1:8" x14ac:dyDescent="0.25">
      <c r="B11" s="76" t="s">
        <v>56</v>
      </c>
    </row>
    <row r="12" spans="1:8" x14ac:dyDescent="0.25">
      <c r="B12" s="8"/>
    </row>
    <row r="13" spans="1:8" s="3" customFormat="1" ht="26.25" x14ac:dyDescent="0.25">
      <c r="B13" s="4" t="s">
        <v>4</v>
      </c>
      <c r="C13" s="4" t="s">
        <v>55</v>
      </c>
      <c r="D13" s="5" t="s">
        <v>5</v>
      </c>
      <c r="E13" s="82" t="s">
        <v>1</v>
      </c>
      <c r="F13" s="83"/>
      <c r="G13" s="82" t="s">
        <v>57</v>
      </c>
      <c r="H13" s="83"/>
    </row>
    <row r="14" spans="1:8" s="17" customFormat="1" x14ac:dyDescent="0.25">
      <c r="A14" s="16"/>
      <c r="B14" s="13">
        <v>3460</v>
      </c>
      <c r="C14" s="13">
        <v>23813</v>
      </c>
      <c r="D14" s="74">
        <f t="shared" ref="D14:D28" si="0">C14-B14</f>
        <v>20353</v>
      </c>
      <c r="E14" s="85" t="s">
        <v>69</v>
      </c>
      <c r="F14" s="86"/>
      <c r="G14" s="16" t="s">
        <v>67</v>
      </c>
    </row>
    <row r="15" spans="1:8" s="11" customFormat="1" x14ac:dyDescent="0.25">
      <c r="B15" s="12">
        <v>0</v>
      </c>
      <c r="C15" s="12">
        <v>5500</v>
      </c>
      <c r="D15" s="74">
        <f t="shared" si="0"/>
        <v>5500</v>
      </c>
      <c r="E15" s="80" t="s">
        <v>66</v>
      </c>
      <c r="F15" s="81"/>
      <c r="G15" s="11" t="s">
        <v>68</v>
      </c>
    </row>
    <row r="16" spans="1:8" s="11" customFormat="1" x14ac:dyDescent="0.25">
      <c r="B16" s="12">
        <v>0</v>
      </c>
      <c r="C16" s="12">
        <v>2471</v>
      </c>
      <c r="D16" s="74">
        <f t="shared" si="0"/>
        <v>2471</v>
      </c>
      <c r="E16" s="80" t="s">
        <v>71</v>
      </c>
      <c r="F16" s="81"/>
      <c r="G16" s="11" t="s">
        <v>68</v>
      </c>
    </row>
    <row r="17" spans="1:8" s="11" customFormat="1" x14ac:dyDescent="0.25">
      <c r="B17" s="12">
        <v>188</v>
      </c>
      <c r="C17" s="12">
        <v>2602</v>
      </c>
      <c r="D17" s="74">
        <f t="shared" si="0"/>
        <v>2414</v>
      </c>
      <c r="E17" s="80" t="s">
        <v>70</v>
      </c>
      <c r="F17" s="81"/>
      <c r="G17" s="11" t="s">
        <v>68</v>
      </c>
    </row>
    <row r="18" spans="1:8" s="11" customFormat="1" x14ac:dyDescent="0.25">
      <c r="B18" s="12">
        <v>846</v>
      </c>
      <c r="C18" s="12">
        <v>1624</v>
      </c>
      <c r="D18" s="74">
        <f t="shared" si="0"/>
        <v>778</v>
      </c>
      <c r="E18" s="80" t="s">
        <v>72</v>
      </c>
      <c r="F18" s="81"/>
      <c r="G18" s="11" t="s">
        <v>67</v>
      </c>
    </row>
    <row r="19" spans="1:8" s="11" customFormat="1" x14ac:dyDescent="0.25">
      <c r="B19" s="12">
        <v>690</v>
      </c>
      <c r="C19" s="12">
        <v>1890</v>
      </c>
      <c r="D19" s="74">
        <f t="shared" si="0"/>
        <v>1200</v>
      </c>
      <c r="E19" s="80" t="s">
        <v>73</v>
      </c>
      <c r="F19" s="81"/>
      <c r="G19" s="11" t="s">
        <v>68</v>
      </c>
    </row>
    <row r="20" spans="1:8" s="11" customFormat="1" x14ac:dyDescent="0.25">
      <c r="B20" s="12">
        <v>4250</v>
      </c>
      <c r="C20" s="12">
        <v>6313</v>
      </c>
      <c r="D20" s="74">
        <f t="shared" si="0"/>
        <v>2063</v>
      </c>
      <c r="E20" s="80" t="s">
        <v>74</v>
      </c>
      <c r="F20" s="81"/>
    </row>
    <row r="21" spans="1:8" s="11" customFormat="1" x14ac:dyDescent="0.25">
      <c r="B21" s="12">
        <v>15260</v>
      </c>
      <c r="C21" s="12">
        <v>19496</v>
      </c>
      <c r="D21" s="74">
        <f t="shared" si="0"/>
        <v>4236</v>
      </c>
      <c r="E21" s="80" t="s">
        <v>89</v>
      </c>
      <c r="F21" s="81"/>
    </row>
    <row r="22" spans="1:8" s="11" customFormat="1" x14ac:dyDescent="0.25">
      <c r="B22" s="12"/>
      <c r="C22" s="12"/>
      <c r="D22" s="74">
        <f t="shared" si="0"/>
        <v>0</v>
      </c>
      <c r="E22" s="80"/>
      <c r="F22" s="81"/>
    </row>
    <row r="23" spans="1:8" s="11" customFormat="1" x14ac:dyDescent="0.25">
      <c r="B23" s="12"/>
      <c r="C23" s="12"/>
      <c r="D23" s="74">
        <f t="shared" si="0"/>
        <v>0</v>
      </c>
      <c r="E23" s="80"/>
      <c r="F23" s="81"/>
    </row>
    <row r="24" spans="1:8" s="11" customFormat="1" x14ac:dyDescent="0.25">
      <c r="B24" s="12"/>
      <c r="C24" s="12"/>
      <c r="D24" s="74">
        <f t="shared" si="0"/>
        <v>0</v>
      </c>
      <c r="E24" s="80"/>
      <c r="F24" s="81"/>
    </row>
    <row r="25" spans="1:8" s="11" customFormat="1" x14ac:dyDescent="0.25">
      <c r="B25" s="12"/>
      <c r="C25" s="12"/>
      <c r="D25" s="74">
        <f t="shared" si="0"/>
        <v>0</v>
      </c>
      <c r="E25" s="80"/>
      <c r="F25" s="81"/>
    </row>
    <row r="26" spans="1:8" s="11" customFormat="1" x14ac:dyDescent="0.25">
      <c r="B26" s="12"/>
      <c r="C26" s="12"/>
      <c r="D26" s="74">
        <f t="shared" si="0"/>
        <v>0</v>
      </c>
      <c r="E26" s="80"/>
      <c r="F26" s="81"/>
    </row>
    <row r="27" spans="1:8" s="11" customFormat="1" x14ac:dyDescent="0.25">
      <c r="B27" s="12"/>
      <c r="C27" s="12"/>
      <c r="D27" s="74">
        <f t="shared" si="0"/>
        <v>0</v>
      </c>
      <c r="E27" s="80"/>
      <c r="F27" s="81"/>
    </row>
    <row r="28" spans="1:8" s="11" customFormat="1" x14ac:dyDescent="0.25">
      <c r="B28" s="12"/>
      <c r="C28" s="12"/>
      <c r="D28" s="74">
        <f t="shared" si="0"/>
        <v>0</v>
      </c>
      <c r="E28" s="80"/>
      <c r="F28" s="81"/>
    </row>
    <row r="29" spans="1:8" x14ac:dyDescent="0.25">
      <c r="A29" s="9" t="s">
        <v>0</v>
      </c>
      <c r="B29" s="10">
        <f>SUM(B14:B28)</f>
        <v>24694</v>
      </c>
      <c r="C29" s="10">
        <f>SUM(C14:C28)</f>
        <v>63709</v>
      </c>
      <c r="D29" s="75">
        <f>SUM(D14:D28)</f>
        <v>39015</v>
      </c>
      <c r="E29" s="84"/>
      <c r="F29" s="81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6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87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9"/>
  <sheetViews>
    <sheetView tabSelected="1" topLeftCell="A7" workbookViewId="0">
      <selection activeCell="F13" sqref="F13"/>
    </sheetView>
  </sheetViews>
  <sheetFormatPr defaultColWidth="9.140625" defaultRowHeight="16.5" x14ac:dyDescent="0.3"/>
  <cols>
    <col min="1" max="1" width="6.85546875" style="59" bestFit="1" customWidth="1"/>
    <col min="2" max="2" width="11.28515625" style="59" customWidth="1"/>
    <col min="3" max="3" width="10.7109375" style="59" customWidth="1"/>
    <col min="4" max="4" width="10.42578125" style="59" bestFit="1" customWidth="1"/>
    <col min="5" max="5" width="9.85546875" style="59" customWidth="1"/>
    <col min="6" max="6" width="12.5703125" style="59" customWidth="1"/>
    <col min="7" max="16384" width="9.140625" style="59"/>
  </cols>
  <sheetData>
    <row r="1" spans="2:7" x14ac:dyDescent="0.3">
      <c r="B1" s="64" t="s">
        <v>45</v>
      </c>
    </row>
    <row r="3" spans="2:7" x14ac:dyDescent="0.3">
      <c r="B3" s="60"/>
    </row>
    <row r="4" spans="2:7" x14ac:dyDescent="0.3">
      <c r="B4" s="59" t="s">
        <v>46</v>
      </c>
      <c r="C4" s="65">
        <f>'Accounting Statement'!D13</f>
        <v>436785.72</v>
      </c>
      <c r="D4" s="59" t="s">
        <v>47</v>
      </c>
      <c r="E4" s="65">
        <f>'Accounting Statement'!D8</f>
        <v>140026</v>
      </c>
    </row>
    <row r="6" spans="2:7" x14ac:dyDescent="0.3">
      <c r="D6" s="66"/>
    </row>
    <row r="7" spans="2:7" x14ac:dyDescent="0.3">
      <c r="E7" s="67"/>
    </row>
    <row r="8" spans="2:7" x14ac:dyDescent="0.3">
      <c r="E8" s="60" t="s">
        <v>48</v>
      </c>
      <c r="F8" s="60" t="s">
        <v>48</v>
      </c>
      <c r="G8" s="60" t="s">
        <v>48</v>
      </c>
    </row>
    <row r="9" spans="2:7" x14ac:dyDescent="0.3">
      <c r="B9" s="60" t="s">
        <v>49</v>
      </c>
    </row>
    <row r="10" spans="2:7" x14ac:dyDescent="0.3">
      <c r="B10" s="59" t="s">
        <v>75</v>
      </c>
      <c r="C10" s="61"/>
      <c r="E10" s="61">
        <v>13920</v>
      </c>
    </row>
    <row r="11" spans="2:7" x14ac:dyDescent="0.3">
      <c r="B11" s="59" t="s">
        <v>76</v>
      </c>
      <c r="C11" s="61"/>
      <c r="E11" s="61">
        <v>10572</v>
      </c>
    </row>
    <row r="12" spans="2:7" x14ac:dyDescent="0.3">
      <c r="B12" s="59" t="s">
        <v>77</v>
      </c>
      <c r="C12" s="61"/>
      <c r="E12" s="61">
        <v>8993</v>
      </c>
    </row>
    <row r="13" spans="2:7" x14ac:dyDescent="0.3">
      <c r="B13" s="59" t="s">
        <v>78</v>
      </c>
      <c r="C13" s="61"/>
      <c r="E13" s="61">
        <v>15774</v>
      </c>
    </row>
    <row r="14" spans="2:7" x14ac:dyDescent="0.3">
      <c r="B14" s="59" t="s">
        <v>79</v>
      </c>
      <c r="C14" s="61"/>
      <c r="E14" s="61">
        <v>5398</v>
      </c>
    </row>
    <row r="15" spans="2:7" x14ac:dyDescent="0.3">
      <c r="B15" s="59" t="s">
        <v>80</v>
      </c>
      <c r="C15" s="61"/>
      <c r="E15" s="61">
        <v>32452</v>
      </c>
    </row>
    <row r="16" spans="2:7" x14ac:dyDescent="0.3">
      <c r="B16" s="59" t="s">
        <v>81</v>
      </c>
      <c r="C16" s="61"/>
      <c r="E16" s="61">
        <v>10390</v>
      </c>
    </row>
    <row r="17" spans="2:7" x14ac:dyDescent="0.3">
      <c r="B17" s="59" t="s">
        <v>82</v>
      </c>
      <c r="C17" s="61"/>
      <c r="E17" s="61">
        <v>8245</v>
      </c>
    </row>
    <row r="18" spans="2:7" x14ac:dyDescent="0.3">
      <c r="B18" s="59" t="s">
        <v>83</v>
      </c>
      <c r="C18" s="61"/>
      <c r="E18" s="61">
        <v>5350</v>
      </c>
    </row>
    <row r="19" spans="2:7" x14ac:dyDescent="0.3">
      <c r="B19" s="59" t="s">
        <v>84</v>
      </c>
      <c r="C19" s="61"/>
      <c r="E19" s="61">
        <v>73550</v>
      </c>
    </row>
    <row r="20" spans="2:7" x14ac:dyDescent="0.3">
      <c r="B20" s="59" t="s">
        <v>85</v>
      </c>
      <c r="C20" s="61"/>
      <c r="E20" s="61">
        <v>80418</v>
      </c>
    </row>
    <row r="21" spans="2:7" x14ac:dyDescent="0.3">
      <c r="B21" s="59" t="s">
        <v>86</v>
      </c>
      <c r="C21" s="61"/>
      <c r="E21" s="61">
        <v>11500</v>
      </c>
    </row>
    <row r="22" spans="2:7" x14ac:dyDescent="0.3">
      <c r="B22" s="59" t="s">
        <v>87</v>
      </c>
      <c r="C22" s="61"/>
      <c r="E22" s="61">
        <v>13895</v>
      </c>
    </row>
    <row r="23" spans="2:7" x14ac:dyDescent="0.3">
      <c r="B23" s="59" t="s">
        <v>88</v>
      </c>
      <c r="C23" s="61"/>
      <c r="E23" s="61">
        <v>21757</v>
      </c>
    </row>
    <row r="24" spans="2:7" x14ac:dyDescent="0.3">
      <c r="F24" s="62">
        <f>SUM(E10:E23)</f>
        <v>312214</v>
      </c>
    </row>
    <row r="26" spans="2:7" x14ac:dyDescent="0.3">
      <c r="B26" s="60" t="s">
        <v>50</v>
      </c>
      <c r="E26" s="61">
        <v>124571</v>
      </c>
    </row>
    <row r="27" spans="2:7" x14ac:dyDescent="0.3">
      <c r="F27" s="62">
        <f>E26</f>
        <v>124571</v>
      </c>
    </row>
    <row r="28" spans="2:7" ht="17.25" thickBot="1" x14ac:dyDescent="0.35">
      <c r="B28" s="60" t="s">
        <v>51</v>
      </c>
      <c r="G28" s="63">
        <f>F24+F27</f>
        <v>436785</v>
      </c>
    </row>
    <row r="29" spans="2:7" ht="17.25" thickTop="1" x14ac:dyDescent="0.3"/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topLeftCell="A4" workbookViewId="0">
      <selection activeCell="B33" sqref="B3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2</v>
      </c>
    </row>
    <row r="3" spans="1:8" x14ac:dyDescent="0.25">
      <c r="B3" s="8"/>
    </row>
    <row r="4" spans="1:8" x14ac:dyDescent="0.25">
      <c r="B4" t="s">
        <v>2</v>
      </c>
      <c r="C4" s="36">
        <f>'Accounting Statement'!C16</f>
        <v>336218</v>
      </c>
      <c r="D4" t="s">
        <v>54</v>
      </c>
      <c r="E4" s="36">
        <f>'Accounting Statement'!D16</f>
        <v>370336</v>
      </c>
    </row>
    <row r="6" spans="1:8" x14ac:dyDescent="0.25">
      <c r="D6" t="s">
        <v>5</v>
      </c>
      <c r="E6" s="1">
        <f>E4-C4</f>
        <v>34118</v>
      </c>
    </row>
    <row r="7" spans="1:8" x14ac:dyDescent="0.25">
      <c r="D7" t="s">
        <v>39</v>
      </c>
      <c r="E7" s="6">
        <f>IF(AND(C4=0,E4=0),0,IF(C4=0,1,IF(E4=0,-1,(E4-C4)/C4)))</f>
        <v>0.1014758281829051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25">
      <c r="B9" s="8" t="s">
        <v>7</v>
      </c>
    </row>
    <row r="10" spans="1:8" ht="15.75" x14ac:dyDescent="0.3">
      <c r="B10" s="19" t="s">
        <v>13</v>
      </c>
    </row>
    <row r="11" spans="1:8" ht="15.75" x14ac:dyDescent="0.3">
      <c r="B11" s="18" t="s">
        <v>58</v>
      </c>
    </row>
    <row r="12" spans="1:8" s="3" customFormat="1" ht="26.25" customHeight="1" x14ac:dyDescent="0.25">
      <c r="B12" s="4" t="s">
        <v>4</v>
      </c>
      <c r="C12" s="4" t="s">
        <v>55</v>
      </c>
      <c r="D12" s="5" t="s">
        <v>5</v>
      </c>
      <c r="E12" s="82" t="s">
        <v>1</v>
      </c>
      <c r="F12" s="83"/>
      <c r="G12" s="72" t="s">
        <v>62</v>
      </c>
      <c r="H12" s="73" t="s">
        <v>63</v>
      </c>
    </row>
    <row r="13" spans="1:8" s="17" customFormat="1" x14ac:dyDescent="0.25">
      <c r="A13" s="16"/>
      <c r="B13" s="13"/>
      <c r="C13" s="13"/>
      <c r="D13" s="13">
        <f>C13-B13</f>
        <v>0</v>
      </c>
      <c r="E13" s="85"/>
      <c r="F13" s="86"/>
      <c r="G13" s="16"/>
    </row>
    <row r="14" spans="1:8" s="11" customFormat="1" x14ac:dyDescent="0.25">
      <c r="B14" s="12"/>
      <c r="C14" s="12"/>
      <c r="D14" s="13">
        <f t="shared" ref="D14:D27" si="0">C14-B14</f>
        <v>0</v>
      </c>
      <c r="E14" s="80"/>
      <c r="F14" s="81"/>
    </row>
    <row r="15" spans="1:8" s="11" customFormat="1" x14ac:dyDescent="0.25">
      <c r="B15" s="12"/>
      <c r="C15" s="12"/>
      <c r="D15" s="13">
        <f t="shared" si="0"/>
        <v>0</v>
      </c>
      <c r="E15" s="80"/>
      <c r="F15" s="81"/>
    </row>
    <row r="16" spans="1:8" s="11" customFormat="1" x14ac:dyDescent="0.25">
      <c r="B16" s="12"/>
      <c r="C16" s="12"/>
      <c r="D16" s="13">
        <f t="shared" si="0"/>
        <v>0</v>
      </c>
      <c r="E16" s="80"/>
      <c r="F16" s="81"/>
    </row>
    <row r="17" spans="1:12" s="11" customFormat="1" x14ac:dyDescent="0.25">
      <c r="B17" s="12"/>
      <c r="C17" s="12"/>
      <c r="D17" s="13">
        <f t="shared" si="0"/>
        <v>0</v>
      </c>
      <c r="E17" s="80"/>
      <c r="F17" s="81"/>
    </row>
    <row r="18" spans="1:12" s="11" customFormat="1" x14ac:dyDescent="0.25">
      <c r="B18" s="12"/>
      <c r="C18" s="12"/>
      <c r="D18" s="13">
        <f t="shared" si="0"/>
        <v>0</v>
      </c>
      <c r="E18" s="80"/>
      <c r="F18" s="81"/>
      <c r="L18" s="20"/>
    </row>
    <row r="19" spans="1:12" s="11" customFormat="1" x14ac:dyDescent="0.25">
      <c r="B19" s="12"/>
      <c r="C19" s="12"/>
      <c r="D19" s="13">
        <f t="shared" si="0"/>
        <v>0</v>
      </c>
      <c r="E19" s="80"/>
      <c r="F19" s="81"/>
    </row>
    <row r="20" spans="1:12" s="11" customFormat="1" x14ac:dyDescent="0.25">
      <c r="B20" s="12"/>
      <c r="C20" s="12"/>
      <c r="D20" s="13">
        <f t="shared" si="0"/>
        <v>0</v>
      </c>
      <c r="E20" s="80"/>
      <c r="F20" s="81"/>
    </row>
    <row r="21" spans="1:12" s="11" customFormat="1" x14ac:dyDescent="0.25">
      <c r="B21" s="12"/>
      <c r="C21" s="12"/>
      <c r="D21" s="13">
        <f t="shared" si="0"/>
        <v>0</v>
      </c>
      <c r="E21" s="80"/>
      <c r="F21" s="81"/>
    </row>
    <row r="22" spans="1:12" s="11" customFormat="1" x14ac:dyDescent="0.25">
      <c r="B22" s="12"/>
      <c r="C22" s="12"/>
      <c r="D22" s="13">
        <f t="shared" si="0"/>
        <v>0</v>
      </c>
      <c r="E22" s="80"/>
      <c r="F22" s="81"/>
    </row>
    <row r="23" spans="1:12" s="11" customFormat="1" x14ac:dyDescent="0.25">
      <c r="B23" s="12"/>
      <c r="C23" s="12"/>
      <c r="D23" s="13">
        <f t="shared" si="0"/>
        <v>0</v>
      </c>
      <c r="E23" s="80"/>
      <c r="F23" s="81"/>
    </row>
    <row r="24" spans="1:12" s="11" customFormat="1" x14ac:dyDescent="0.25">
      <c r="B24" s="12"/>
      <c r="C24" s="12"/>
      <c r="D24" s="13">
        <f t="shared" si="0"/>
        <v>0</v>
      </c>
      <c r="E24" s="80"/>
      <c r="F24" s="81"/>
    </row>
    <row r="25" spans="1:12" s="11" customFormat="1" x14ac:dyDescent="0.25">
      <c r="B25" s="12"/>
      <c r="C25" s="12"/>
      <c r="D25" s="13">
        <f t="shared" si="0"/>
        <v>0</v>
      </c>
      <c r="E25" s="80"/>
      <c r="F25" s="81"/>
    </row>
    <row r="26" spans="1:12" s="11" customFormat="1" x14ac:dyDescent="0.25">
      <c r="B26" s="12"/>
      <c r="C26" s="12"/>
      <c r="D26" s="13">
        <f t="shared" si="0"/>
        <v>0</v>
      </c>
      <c r="E26" s="80"/>
      <c r="F26" s="81"/>
    </row>
    <row r="27" spans="1:12" s="11" customFormat="1" x14ac:dyDescent="0.25">
      <c r="B27" s="12"/>
      <c r="C27" s="12"/>
      <c r="D27" s="13">
        <f t="shared" si="0"/>
        <v>0</v>
      </c>
      <c r="E27" s="80"/>
      <c r="F27" s="81"/>
    </row>
    <row r="28" spans="1:12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4"/>
      <c r="F28" s="81"/>
      <c r="G28" s="7"/>
    </row>
    <row r="29" spans="1:12" x14ac:dyDescent="0.25">
      <c r="H29" s="2"/>
    </row>
    <row r="30" spans="1:12" x14ac:dyDescent="0.25">
      <c r="A30" s="14" t="s">
        <v>6</v>
      </c>
      <c r="F30" s="7"/>
    </row>
    <row r="32" spans="1:12" ht="15.75" x14ac:dyDescent="0.3">
      <c r="B32" s="18" t="s">
        <v>59</v>
      </c>
    </row>
    <row r="33" spans="1:8" x14ac:dyDescent="0.25">
      <c r="B33" t="s">
        <v>64</v>
      </c>
    </row>
    <row r="34" spans="1:8" x14ac:dyDescent="0.25">
      <c r="B34" t="s">
        <v>2</v>
      </c>
      <c r="C34" s="36">
        <f>'Accounting Statement'!C45</f>
        <v>0</v>
      </c>
      <c r="D34" t="s">
        <v>54</v>
      </c>
      <c r="E34" s="36">
        <f>'Accounting Statement'!D45</f>
        <v>0</v>
      </c>
    </row>
    <row r="36" spans="1:8" ht="30" x14ac:dyDescent="0.25">
      <c r="A36" s="3"/>
      <c r="B36" s="4" t="s">
        <v>4</v>
      </c>
      <c r="C36" s="4" t="s">
        <v>55</v>
      </c>
      <c r="D36" s="5" t="s">
        <v>5</v>
      </c>
      <c r="E36" s="82" t="s">
        <v>1</v>
      </c>
      <c r="F36" s="83"/>
      <c r="G36" s="72" t="s">
        <v>62</v>
      </c>
      <c r="H36" s="73" t="s">
        <v>63</v>
      </c>
    </row>
    <row r="37" spans="1:8" x14ac:dyDescent="0.25">
      <c r="A37" s="16"/>
      <c r="B37" s="13"/>
      <c r="C37" s="13"/>
      <c r="D37" s="13">
        <f>C37-B37</f>
        <v>0</v>
      </c>
      <c r="E37" s="85"/>
      <c r="F37" s="86"/>
      <c r="G37" s="16"/>
      <c r="H37" s="17"/>
    </row>
    <row r="38" spans="1:8" x14ac:dyDescent="0.25">
      <c r="A38" s="11"/>
      <c r="B38" s="12"/>
      <c r="C38" s="12"/>
      <c r="D38" s="13">
        <f t="shared" ref="D38:D39" si="1">C38-B38</f>
        <v>0</v>
      </c>
      <c r="E38" s="80"/>
      <c r="F38" s="81"/>
      <c r="G38" s="11"/>
      <c r="H38" s="11"/>
    </row>
    <row r="39" spans="1:8" x14ac:dyDescent="0.25">
      <c r="A39" s="11"/>
      <c r="B39" s="12"/>
      <c r="C39" s="12"/>
      <c r="D39" s="13">
        <f t="shared" si="1"/>
        <v>0</v>
      </c>
      <c r="E39" s="80"/>
      <c r="F39" s="81"/>
      <c r="G39" s="11"/>
      <c r="H39" s="11"/>
    </row>
    <row r="40" spans="1:8" x14ac:dyDescent="0.25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84"/>
      <c r="F40" s="81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opLeftCell="A4" workbookViewId="0">
      <selection activeCell="E16" sqref="E16:F1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2</v>
      </c>
      <c r="C4" s="36">
        <f>'Accounting Statement'!C17</f>
        <v>0</v>
      </c>
      <c r="D4" t="s">
        <v>54</v>
      </c>
      <c r="E4" s="36">
        <f>'Accounting Statement'!D17</f>
        <v>0</v>
      </c>
    </row>
    <row r="6" spans="1:7" x14ac:dyDescent="0.25">
      <c r="D6" t="s">
        <v>5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7</v>
      </c>
    </row>
    <row r="10" spans="1:7" ht="15.75" x14ac:dyDescent="0.3">
      <c r="B10" s="18" t="s">
        <v>60</v>
      </c>
    </row>
    <row r="11" spans="1:7" s="3" customFormat="1" ht="26.25" x14ac:dyDescent="0.25">
      <c r="B11" s="4" t="s">
        <v>4</v>
      </c>
      <c r="C11" s="4" t="s">
        <v>55</v>
      </c>
      <c r="D11" s="5" t="s">
        <v>5</v>
      </c>
      <c r="E11" s="82" t="s">
        <v>1</v>
      </c>
      <c r="F11" s="83"/>
    </row>
    <row r="12" spans="1:7" s="17" customFormat="1" x14ac:dyDescent="0.25">
      <c r="A12" s="16"/>
      <c r="B12" s="13"/>
      <c r="C12" s="13"/>
      <c r="D12" s="13">
        <f>C12-B12</f>
        <v>0</v>
      </c>
      <c r="E12" s="85"/>
      <c r="F12" s="86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80"/>
      <c r="F13" s="81"/>
    </row>
    <row r="14" spans="1:7" s="11" customFormat="1" x14ac:dyDescent="0.25">
      <c r="B14" s="12"/>
      <c r="C14" s="12"/>
      <c r="D14" s="13">
        <f t="shared" si="0"/>
        <v>0</v>
      </c>
      <c r="E14" s="80"/>
      <c r="F14" s="81"/>
    </row>
    <row r="15" spans="1:7" s="11" customFormat="1" x14ac:dyDescent="0.25">
      <c r="B15" s="12"/>
      <c r="C15" s="12"/>
      <c r="D15" s="13">
        <f t="shared" si="0"/>
        <v>0</v>
      </c>
      <c r="E15" s="80"/>
      <c r="F15" s="81"/>
    </row>
    <row r="16" spans="1:7" s="11" customFormat="1" x14ac:dyDescent="0.25">
      <c r="B16" s="12"/>
      <c r="C16" s="12"/>
      <c r="D16" s="13">
        <f t="shared" si="0"/>
        <v>0</v>
      </c>
      <c r="E16" s="80"/>
      <c r="F16" s="81"/>
    </row>
    <row r="17" spans="1:8" s="11" customFormat="1" x14ac:dyDescent="0.25">
      <c r="B17" s="12"/>
      <c r="C17" s="12"/>
      <c r="D17" s="13">
        <f t="shared" si="0"/>
        <v>0</v>
      </c>
      <c r="E17" s="80"/>
      <c r="F17" s="81"/>
    </row>
    <row r="18" spans="1:8" s="11" customFormat="1" x14ac:dyDescent="0.25">
      <c r="B18" s="12"/>
      <c r="C18" s="12"/>
      <c r="D18" s="13">
        <f t="shared" si="0"/>
        <v>0</v>
      </c>
      <c r="E18" s="80"/>
      <c r="F18" s="81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4"/>
      <c r="F19" s="81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314CAC2BA00C146A8ADC568D167BEF6" ma:contentTypeVersion="18" ma:contentTypeDescription="Create a new document." ma:contentTypeScope="" ma:versionID="9a680f993b5ce38091800e37b2f8abac">
  <xsd:schema xmlns:xsd="http://www.w3.org/2001/XMLSchema" xmlns:xs="http://www.w3.org/2001/XMLSchema" xmlns:p="http://schemas.microsoft.com/office/2006/metadata/properties" xmlns:ns2="782ef506-88f6-4de6-8d52-9b7190f82b71" xmlns:ns3="3def1f32-766a-4977-8327-d6ad4478cffe" targetNamespace="http://schemas.microsoft.com/office/2006/metadata/properties" ma:root="true" ma:fieldsID="92e123d15933fbe0014f4da586bbd755" ns2:_="" ns3:_="">
    <xsd:import namespace="782ef506-88f6-4de6-8d52-9b7190f82b71"/>
    <xsd:import namespace="3def1f32-766a-4977-8327-d6ad4478cff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LengthInSecond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2ef506-88f6-4de6-8d52-9b7190f82b7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0aa4be75-25a3-4867-8a5f-bd9db3f42bf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ef1f32-766a-4977-8327-d6ad4478cffe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f7ac77e-5094-4f3e-8b04-264b4f225179}" ma:internalName="TaxCatchAll" ma:showField="CatchAllData" ma:web="3def1f32-766a-4977-8327-d6ad4478cff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82ef506-88f6-4de6-8d52-9b7190f82b71">
      <Terms xmlns="http://schemas.microsoft.com/office/infopath/2007/PartnerControls"/>
    </lcf76f155ced4ddcb4097134ff3c332f>
    <TaxCatchAll xmlns="3def1f32-766a-4977-8327-d6ad4478cffe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E4B7C20-2ADF-4377-BCF8-B130F5F989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82ef506-88f6-4de6-8d52-9b7190f82b71"/>
    <ds:schemaRef ds:uri="3def1f32-766a-4977-8327-d6ad4478cff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customXml/itemProps3.xml><?xml version="1.0" encoding="utf-8"?>
<ds:datastoreItem xmlns:ds="http://schemas.openxmlformats.org/officeDocument/2006/customXml" ds:itemID="{3F1AD0D3-C2B2-41A7-8D84-5B653192951F}">
  <ds:schemaRefs/>
</ds:datastoreItem>
</file>

<file path=customXml/itemProps4.xml><?xml version="1.0" encoding="utf-8"?>
<ds:datastoreItem xmlns:ds="http://schemas.openxmlformats.org/officeDocument/2006/customXml" ds:itemID="{6A047841-B806-4167-B4BE-07888BA261E4}">
  <ds:schemaRefs>
    <ds:schemaRef ds:uri="http://schemas.microsoft.com/office/2006/metadata/properties"/>
    <ds:schemaRef ds:uri="http://schemas.microsoft.com/office/infopath/2007/PartnerControls"/>
    <ds:schemaRef ds:uri="782ef506-88f6-4de6-8d52-9b7190f82b71"/>
    <ds:schemaRef ds:uri="3def1f32-766a-4977-8327-d6ad4478cffe"/>
  </ds:schemaRefs>
</ds:datastoreItem>
</file>

<file path=customXml/itemProps5.xml><?xml version="1.0" encoding="utf-8"?>
<ds:datastoreItem xmlns:ds="http://schemas.openxmlformats.org/officeDocument/2006/customXml" ds:itemID="{95719040-BBA0-4B7E-A790-C8FBD3DA7AB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Parish Clerk</cp:lastModifiedBy>
  <cp:lastPrinted>2024-04-24T10:53:48Z</cp:lastPrinted>
  <dcterms:created xsi:type="dcterms:W3CDTF">2023-03-10T09:35:56Z</dcterms:created>
  <dcterms:modified xsi:type="dcterms:W3CDTF">2024-06-06T09:37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7314CAC2BA00C146A8ADC568D167BEF6</vt:lpwstr>
  </property>
  <property fmtid="{D5CDD505-2E9C-101B-9397-08002B2CF9AE}" pid="8" name="MediaServiceImageTags">
    <vt:lpwstr/>
  </property>
</Properties>
</file>